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49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580623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1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Key Messages to Community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211249"/>
            <a:ext cx="6979357" cy="707042"/>
          </a:xfrm>
          <a:prstGeom prst="rect">
            <a:avLst/>
          </a:prstGeom>
        </p:spPr>
        <p:txBody>
          <a:bodyPr anchor="b">
            <a:normAutofit fontScale="9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 smtClean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formation </a:t>
            </a:r>
            <a:r>
              <a:rPr lang="en-US" sz="280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o share with the community when possibl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2323476"/>
            <a:ext cx="7662656" cy="265325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inally, here are a few messages that you should always make sure to share with the community to empower them to report misconducts when they happe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304868" y="569626"/>
            <a:ext cx="7768867" cy="5888239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umanitarian aid is free and should be given without exchange of favors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ff have a duty to treat you with dignity and respec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f you experience misconduct by any aid worker or related personnel, it is not your fault, and you have the right to report it directly to the organization or to a humanitarian worker you trus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en the misconduct constitutes criminal acts, you have the right also to report to the poli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243036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272993"/>
            <a:ext cx="7768867" cy="505520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porting incidents/concerns does not affect your access to services at any humanitarian organization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ports are handled safely &amp; confidentially. Your name or information will not be shared without your consen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urvivors have the right to access safety, protection, psychosocial, medical, and legal support, and any other relevant servic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key_message_community"/>
  <p:tag name="ISPRING_PRESENTATION_TITLE" val="key_message_community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REEN_RECS_UPDATED" val="C:\Users\hp\Desktop\Projects\remove large files\Nabad\safeguarding\en\lessons\key_message_community_1\"/>
  <p:tag name="ISPRING_RESOURCE_FOLDER" val="C:\Users\hp\Desktop\Projects\remove large files\Nabad\safeguarding\en\lessons\key_message_community_1\"/>
  <p:tag name="ISPRING_RESOURCE_FOLDER_STATIC" val="C:\Users\hp\Desktop\Projects\remove large files\Nabad\safeguarding\en\lessons\key_message_community_1\"/>
  <p:tag name="ISPRING_PRESENTATION_PATH" val="C:\Users\hp\Desktop\Projects\remove large files\Nabad\safeguarding\en\lessons\key_message_community.pptx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5A1C97C3-B39F-4AC1-979F-0ABBC504667B}:349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88</TotalTime>
  <Words>184</Words>
  <Application>Microsoft Office PowerPoint</Application>
  <PresentationFormat>Widescreen</PresentationFormat>
  <Paragraphs>16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9" baseType="lpstr">
      <vt:lpstr>Arial</vt:lpstr>
      <vt:lpstr>Calibri</vt:lpstr>
      <vt:lpstr>Open Sans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ey_message_community</dc:title>
  <dc:creator>pc</dc:creator>
  <cp:lastModifiedBy>Maher</cp:lastModifiedBy>
  <cp:revision>748</cp:revision>
  <dcterms:created xsi:type="dcterms:W3CDTF">2022-11-16T16:05:09Z</dcterms:created>
  <dcterms:modified xsi:type="dcterms:W3CDTF">2024-09-22T08:23:49Z</dcterms:modified>
</cp:coreProperties>
</file>